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3"/>
  </p:notesMasterIdLst>
  <p:sldIdLst>
    <p:sldId id="1032" r:id="rId2"/>
  </p:sldIdLst>
  <p:sldSz cx="12192000" cy="6858000"/>
  <p:notesSz cx="6858000" cy="9144000"/>
  <p:custDataLst>
    <p:tags r:id="rId4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000" autoAdjust="0"/>
    <p:restoredTop sz="94660"/>
  </p:normalViewPr>
  <p:slideViewPr>
    <p:cSldViewPr snapToGrid="0">
      <p:cViewPr varScale="1">
        <p:scale>
          <a:sx n="67" d="100"/>
          <a:sy n="67" d="100"/>
        </p:scale>
        <p:origin x="780" y="60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bleStyles" Target="tableStyles.xml"/><Relationship Id="rId3" Type="http://schemas.openxmlformats.org/officeDocument/2006/relationships/notesMaster" Target="notesMasters/notesMaster1.xml"/><Relationship Id="rId7" Type="http://schemas.openxmlformats.org/officeDocument/2006/relationships/theme" Target="theme/theme1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viewProps" Target="viewProps.xml"/><Relationship Id="rId5" Type="http://schemas.openxmlformats.org/officeDocument/2006/relationships/presProps" Target="presProps.xml"/><Relationship Id="rId4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834E805-3F2D-471F-AC25-A5F6DC4479F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74C2654F-7C8A-49C9-96B9-9399CBDB2829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1144860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C57082A-08A1-4AB5-AD56-F56BF85880A2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4A44FD19-09E7-484C-8895-849E3E2DDD75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8A233E45-4D8D-4B89-BF8F-459C15AD8E6C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E9446B92-67B4-41EF-824E-350AEC0E8CF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A963D7A-5802-4DFC-AE0B-D384C04EB3D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1403907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049C36A-97A9-4AEB-99BF-89BA642026D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4EA70327-7F65-45E2-8189-9FD8B61FAA1D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4027F477-C90B-44A4-954E-087162832D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2BD99BB-DAA3-4D8C-9204-513B2E5AA14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5A0C063-9515-4C3A-B551-76256DE69FC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74552557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>
            <a:extLst>
              <a:ext uri="{FF2B5EF4-FFF2-40B4-BE49-F238E27FC236}">
                <a16:creationId xmlns:a16="http://schemas.microsoft.com/office/drawing/2014/main" id="{B8056A78-45AA-4B91-BE6C-15CB3C174DA0}"/>
              </a:ext>
            </a:extLst>
          </p:cNvPr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Vertical Text Placeholder 2">
            <a:extLst>
              <a:ext uri="{FF2B5EF4-FFF2-40B4-BE49-F238E27FC236}">
                <a16:creationId xmlns:a16="http://schemas.microsoft.com/office/drawing/2014/main" id="{1BE0A650-51E8-4C5C-9A12-C21D8BB2E00D}"/>
              </a:ext>
            </a:extLst>
          </p:cNvPr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59B9B1A2-8DB3-4C70-BC05-E7466BA7AF80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5AED203-B25D-414A-93E8-DF7FE05E39F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CDCB192-686D-462A-8DB6-F74A5304E41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25624865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7_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Picture Placeholder 75">
            <a:extLst>
              <a:ext uri="{FF2B5EF4-FFF2-40B4-BE49-F238E27FC236}">
                <a16:creationId xmlns:a16="http://schemas.microsoft.com/office/drawing/2014/main" id="{DE1F0CA1-994C-4B15-BD61-C1FC8BE244E3}"/>
              </a:ext>
            </a:extLst>
          </p:cNvPr>
          <p:cNvSpPr>
            <a:spLocks noGrp="1"/>
          </p:cNvSpPr>
          <p:nvPr>
            <p:ph type="pic" sz="quarter" idx="34"/>
          </p:nvPr>
        </p:nvSpPr>
        <p:spPr>
          <a:xfrm>
            <a:off x="5795324" y="-2019910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  <p:sp>
        <p:nvSpPr>
          <p:cNvPr id="18" name="Picture Placeholder 75">
            <a:extLst>
              <a:ext uri="{FF2B5EF4-FFF2-40B4-BE49-F238E27FC236}">
                <a16:creationId xmlns:a16="http://schemas.microsoft.com/office/drawing/2014/main" id="{CCDC6E92-1B4E-4F2A-BD85-917834D7D1BF}"/>
              </a:ext>
            </a:extLst>
          </p:cNvPr>
          <p:cNvSpPr>
            <a:spLocks noGrp="1"/>
          </p:cNvSpPr>
          <p:nvPr>
            <p:ph type="pic" sz="quarter" idx="35"/>
          </p:nvPr>
        </p:nvSpPr>
        <p:spPr>
          <a:xfrm>
            <a:off x="8398700" y="-594066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  <p:sp>
        <p:nvSpPr>
          <p:cNvPr id="19" name="Picture Placeholder 75">
            <a:extLst>
              <a:ext uri="{FF2B5EF4-FFF2-40B4-BE49-F238E27FC236}">
                <a16:creationId xmlns:a16="http://schemas.microsoft.com/office/drawing/2014/main" id="{60FE58BF-2882-4922-8BE2-DC5C806999A3}"/>
              </a:ext>
            </a:extLst>
          </p:cNvPr>
          <p:cNvSpPr>
            <a:spLocks noGrp="1"/>
          </p:cNvSpPr>
          <p:nvPr>
            <p:ph type="pic" sz="quarter" idx="36"/>
          </p:nvPr>
        </p:nvSpPr>
        <p:spPr>
          <a:xfrm>
            <a:off x="11002077" y="831779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  <p:sp>
        <p:nvSpPr>
          <p:cNvPr id="13" name="Picture Placeholder 75">
            <a:extLst>
              <a:ext uri="{FF2B5EF4-FFF2-40B4-BE49-F238E27FC236}">
                <a16:creationId xmlns:a16="http://schemas.microsoft.com/office/drawing/2014/main" id="{DFC0A416-BD43-4889-A746-153B68F952A1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3092594" y="-1470698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  <p:sp>
        <p:nvSpPr>
          <p:cNvPr id="14" name="Picture Placeholder 75">
            <a:extLst>
              <a:ext uri="{FF2B5EF4-FFF2-40B4-BE49-F238E27FC236}">
                <a16:creationId xmlns:a16="http://schemas.microsoft.com/office/drawing/2014/main" id="{0B4C680D-3D96-4F02-8FDE-6C344B4EA949}"/>
              </a:ext>
            </a:extLst>
          </p:cNvPr>
          <p:cNvSpPr>
            <a:spLocks noGrp="1"/>
          </p:cNvSpPr>
          <p:nvPr>
            <p:ph type="pic" sz="quarter" idx="31"/>
          </p:nvPr>
        </p:nvSpPr>
        <p:spPr>
          <a:xfrm>
            <a:off x="5695970" y="-44854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  <p:sp>
        <p:nvSpPr>
          <p:cNvPr id="15" name="Picture Placeholder 75">
            <a:extLst>
              <a:ext uri="{FF2B5EF4-FFF2-40B4-BE49-F238E27FC236}">
                <a16:creationId xmlns:a16="http://schemas.microsoft.com/office/drawing/2014/main" id="{0136ECC1-14F7-404A-BB65-765B022634A5}"/>
              </a:ext>
            </a:extLst>
          </p:cNvPr>
          <p:cNvSpPr>
            <a:spLocks noGrp="1"/>
          </p:cNvSpPr>
          <p:nvPr>
            <p:ph type="pic" sz="quarter" idx="32"/>
          </p:nvPr>
        </p:nvSpPr>
        <p:spPr>
          <a:xfrm>
            <a:off x="8307095" y="1365493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  <p:sp>
        <p:nvSpPr>
          <p:cNvPr id="16" name="Picture Placeholder 75">
            <a:extLst>
              <a:ext uri="{FF2B5EF4-FFF2-40B4-BE49-F238E27FC236}">
                <a16:creationId xmlns:a16="http://schemas.microsoft.com/office/drawing/2014/main" id="{61F32264-5F7E-4A46-97AB-AABAB86F1EA9}"/>
              </a:ext>
            </a:extLst>
          </p:cNvPr>
          <p:cNvSpPr>
            <a:spLocks noGrp="1"/>
          </p:cNvSpPr>
          <p:nvPr>
            <p:ph type="pic" sz="quarter" idx="33"/>
          </p:nvPr>
        </p:nvSpPr>
        <p:spPr>
          <a:xfrm>
            <a:off x="10911794" y="2784466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  <p:sp>
        <p:nvSpPr>
          <p:cNvPr id="2" name="Picture Placeholder 75">
            <a:extLst>
              <a:ext uri="{FF2B5EF4-FFF2-40B4-BE49-F238E27FC236}">
                <a16:creationId xmlns:a16="http://schemas.microsoft.com/office/drawing/2014/main" id="{35C81404-E27E-4F36-A623-E57FC83C04C2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151309" y="-1058251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  <p:sp>
        <p:nvSpPr>
          <p:cNvPr id="8" name="Picture Placeholder 75">
            <a:extLst>
              <a:ext uri="{FF2B5EF4-FFF2-40B4-BE49-F238E27FC236}">
                <a16:creationId xmlns:a16="http://schemas.microsoft.com/office/drawing/2014/main" id="{65B77482-57E1-46FD-913A-0092573AC5F1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2754685" y="367594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  <p:sp>
        <p:nvSpPr>
          <p:cNvPr id="9" name="Picture Placeholder 75">
            <a:extLst>
              <a:ext uri="{FF2B5EF4-FFF2-40B4-BE49-F238E27FC236}">
                <a16:creationId xmlns:a16="http://schemas.microsoft.com/office/drawing/2014/main" id="{B37A391A-9563-4D8D-9F81-AF2A558906BA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5358062" y="1793439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  <p:sp>
        <p:nvSpPr>
          <p:cNvPr id="10" name="Picture Placeholder 75">
            <a:extLst>
              <a:ext uri="{FF2B5EF4-FFF2-40B4-BE49-F238E27FC236}">
                <a16:creationId xmlns:a16="http://schemas.microsoft.com/office/drawing/2014/main" id="{905913FF-40D6-422E-AE96-62587D32CE1B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7969186" y="3203785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  <p:sp>
        <p:nvSpPr>
          <p:cNvPr id="11" name="Picture Placeholder 75">
            <a:extLst>
              <a:ext uri="{FF2B5EF4-FFF2-40B4-BE49-F238E27FC236}">
                <a16:creationId xmlns:a16="http://schemas.microsoft.com/office/drawing/2014/main" id="{139B3716-743D-4E4C-8E9E-28622348549F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10573886" y="4622758"/>
            <a:ext cx="3973245" cy="2235242"/>
          </a:xfrm>
          <a:custGeom>
            <a:avLst/>
            <a:gdLst>
              <a:gd name="connsiteX0" fmla="*/ 215874 w 10578156"/>
              <a:gd name="connsiteY0" fmla="*/ 0 h 5950214"/>
              <a:gd name="connsiteX1" fmla="*/ 10362282 w 10578156"/>
              <a:gd name="connsiteY1" fmla="*/ 0 h 5950214"/>
              <a:gd name="connsiteX2" fmla="*/ 10578156 w 10578156"/>
              <a:gd name="connsiteY2" fmla="*/ 215874 h 5950214"/>
              <a:gd name="connsiteX3" fmla="*/ 10578156 w 10578156"/>
              <a:gd name="connsiteY3" fmla="*/ 5734340 h 5950214"/>
              <a:gd name="connsiteX4" fmla="*/ 10362282 w 10578156"/>
              <a:gd name="connsiteY4" fmla="*/ 5950214 h 5950214"/>
              <a:gd name="connsiteX5" fmla="*/ 215874 w 10578156"/>
              <a:gd name="connsiteY5" fmla="*/ 5950214 h 5950214"/>
              <a:gd name="connsiteX6" fmla="*/ 0 w 10578156"/>
              <a:gd name="connsiteY6" fmla="*/ 5734340 h 5950214"/>
              <a:gd name="connsiteX7" fmla="*/ 0 w 10578156"/>
              <a:gd name="connsiteY7" fmla="*/ 215874 h 5950214"/>
              <a:gd name="connsiteX8" fmla="*/ 215874 w 10578156"/>
              <a:gd name="connsiteY8" fmla="*/ 0 h 595021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10578156" h="5950214">
                <a:moveTo>
                  <a:pt x="215874" y="0"/>
                </a:moveTo>
                <a:lnTo>
                  <a:pt x="10362282" y="0"/>
                </a:lnTo>
                <a:cubicBezTo>
                  <a:pt x="10481506" y="0"/>
                  <a:pt x="10578156" y="96650"/>
                  <a:pt x="10578156" y="215874"/>
                </a:cubicBezTo>
                <a:lnTo>
                  <a:pt x="10578156" y="5734340"/>
                </a:lnTo>
                <a:cubicBezTo>
                  <a:pt x="10578156" y="5853564"/>
                  <a:pt x="10481506" y="5950214"/>
                  <a:pt x="10362282" y="5950214"/>
                </a:cubicBezTo>
                <a:lnTo>
                  <a:pt x="215874" y="5950214"/>
                </a:lnTo>
                <a:cubicBezTo>
                  <a:pt x="96650" y="5950214"/>
                  <a:pt x="0" y="5853564"/>
                  <a:pt x="0" y="5734340"/>
                </a:cubicBezTo>
                <a:lnTo>
                  <a:pt x="0" y="215874"/>
                </a:lnTo>
                <a:cubicBezTo>
                  <a:pt x="0" y="96650"/>
                  <a:pt x="96650" y="0"/>
                  <a:pt x="215874" y="0"/>
                </a:cubicBezTo>
                <a:close/>
              </a:path>
            </a:pathLst>
          </a:custGeom>
          <a:solidFill>
            <a:schemeClr val="tx1">
              <a:alpha val="4000"/>
            </a:schemeClr>
          </a:solidFill>
          <a:effectLst>
            <a:outerShdw blurRad="876300" dist="787400" dir="2400000" algn="ctr" rotWithShape="0">
              <a:schemeClr val="tx1">
                <a:alpha val="34000"/>
              </a:schemeClr>
            </a:outerShdw>
            <a:reflection blurRad="76200" stA="48000" endPos="98000" dir="5400000" sy="-100000" algn="bl" rotWithShape="0"/>
          </a:effectLst>
          <a:scene3d>
            <a:camera prst="orthographicFront">
              <a:rot lat="19848000" lon="3234000" rev="17862000"/>
            </a:camera>
            <a:lightRig rig="soft" dir="t"/>
          </a:scene3d>
          <a:sp3d extrusionH="95250" prstMaterial="plastic"/>
        </p:spPr>
        <p:txBody>
          <a:bodyPr wrap="square" anchor="ctr">
            <a:noAutofit/>
          </a:bodyPr>
          <a:lstStyle>
            <a:lvl1pPr algn="ctr">
              <a:defRPr sz="1200"/>
            </a:lvl1pPr>
          </a:lstStyle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348498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decel="10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500" fill="hold"/>
                                        <p:tgtEl>
                                          <p:spTgt spid="1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decel="100000" fill="hold" grpId="0" nodeType="withEffect">
                                  <p:stCondLst>
                                    <p:cond delay="1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1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1500" fill="hold"/>
                                        <p:tgtEl>
                                          <p:spTgt spid="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2" presetClass="entr" presetSubtype="4" decel="100000" fill="hold" grpId="0" nodeType="withEffect">
                                  <p:stCondLst>
                                    <p:cond delay="20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5" dur="1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6" dur="1500" fill="hold"/>
                                        <p:tgtEl>
                                          <p:spTgt spid="1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7" presetID="2" presetClass="entr" presetSubtype="4" decel="100000" fill="hold" grpId="0" nodeType="withEffect">
                                  <p:stCondLst>
                                    <p:cond delay="30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1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1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1" presetID="2" presetClass="entr" presetSubtype="4" decel="100000" fill="hold" grpId="0" nodeType="withEffect">
                                  <p:stCondLst>
                                    <p:cond delay="40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3" dur="1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4" dur="1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5" presetID="2" presetClass="entr" presetSubtype="4" decel="10000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7" dur="1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8" dur="1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9" presetID="2" presetClass="entr" presetSubtype="4" decel="100000" fill="hold" grpId="0" nodeType="withEffect">
                                  <p:stCondLst>
                                    <p:cond delay="60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1" dur="1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2" dur="1500" fill="hold"/>
                                        <p:tgtEl>
                                          <p:spTgt spid="1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3" presetID="2" presetClass="entr" presetSubtype="4" decel="100000" fill="hold" grpId="0" nodeType="withEffect">
                                  <p:stCondLst>
                                    <p:cond delay="70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5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6" dur="1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7" presetID="2" presetClass="entr" presetSubtype="4" decel="100000" fill="hold" grpId="0" nodeType="withEffect">
                                  <p:stCondLst>
                                    <p:cond delay="80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9" dur="1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0" dur="1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1" presetID="2" presetClass="entr" presetSubtype="4" decel="100000" fill="hold" grpId="0" nodeType="withEffect">
                                  <p:stCondLst>
                                    <p:cond delay="90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3" dur="1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4" dur="1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5" presetID="2" presetClass="entr" presetSubtype="4" decel="10000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47" dur="1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48" dur="1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9" presetID="2" presetClass="entr" presetSubtype="4" decel="100000" fill="hold" grpId="0" nodeType="withEffect">
                                  <p:stCondLst>
                                    <p:cond delay="110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51" dur="1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52" dur="1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 animBg="1"/>
      <p:bldP spid="18" grpId="0" animBg="1"/>
      <p:bldP spid="19" grpId="0" animBg="1"/>
      <p:bldP spid="13" grpId="0" animBg="1"/>
      <p:bldP spid="14" grpId="0" animBg="1"/>
      <p:bldP spid="15" grpId="0" animBg="1"/>
      <p:bldP spid="16" grpId="0" animBg="1"/>
      <p:bldP spid="2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E1CB307-A8E2-4DDC-8A99-DCEF5BBCCED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CF9C878-F1E7-4E41-9C60-044349F47417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C80F54A2-1D8C-4BA3-9652-175F789C486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C2CADF3-F92D-4AA0-A8F8-9765608FAEC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84181309-E104-4375-82BB-A5B18DD85F8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53634821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AA57317B-52F1-4DF9-AAD1-36A2DD7F33D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97B1FA7E-D650-4CC9-9D8C-A6EF94D8DB55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E9265DE4-060C-45C9-895D-21997F437CED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4EF12C9-6D5E-432C-9635-6947D0E97D1A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82E93A27-A952-435C-A6FB-4D18B8C07D3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917519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692FE5E-9B75-4F6F-B7BE-DC36ED9FF08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C010A111-2A3F-4845-9E26-6D4D4C254798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2AEC3CB9-BD99-4434-8F9D-023FD353B594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1EE5B7BA-6BDA-4A7A-92C2-A02B6638D17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8DF9FB77-0F6F-4568-8AD5-83943DF6A9D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E884FCFD-A0F8-444B-9F2A-ACA1B909AC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814582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C4BA744-EB4D-49F7-A56A-86B912D09C9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86D84EED-BD1E-46A4-9963-852FD7245CFF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62A8E464-0AAA-4216-A6AD-45DDBB787BB3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4F1413CF-3AA9-4000-BC71-C023F4F3AF51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FD75136E-7C24-4803-8CCC-653CCDBCB4D6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30B25032-5D95-4CF7-A674-D0998B6DFB87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966A32D1-4B62-4F1E-AB23-DE9ED1B3C48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E0C847F6-A796-49F2-A18A-97E7C53571A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143120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214B451-E704-4790-8311-DE60F8F9B5E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>
            <a:extLst>
              <a:ext uri="{FF2B5EF4-FFF2-40B4-BE49-F238E27FC236}">
                <a16:creationId xmlns:a16="http://schemas.microsoft.com/office/drawing/2014/main" id="{2FB645FF-28A2-4212-B76F-D1E325DD766E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A479D785-8EF0-42CA-9E91-D5051F5D2D5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47A89822-5A60-41B4-A832-655E3C2105E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2444607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>
            <a:extLst>
              <a:ext uri="{FF2B5EF4-FFF2-40B4-BE49-F238E27FC236}">
                <a16:creationId xmlns:a16="http://schemas.microsoft.com/office/drawing/2014/main" id="{5FE736E4-67BD-4335-B46E-5DBD7A2E2DE8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0A684826-D94E-4178-BA3E-53E05E7C61E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0A9857C-221E-4CEB-9B55-0E9B8F4C591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0557220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A9E8F16-F7FC-4D03-A98C-224937D587C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3B51AAFC-815D-4C6A-B762-DEFDD3543AE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5812BB8F-B7E2-49A9-80CA-B7F944734C1B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0BBC214E-7FDC-404E-9250-05D60277C629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0895530-6EDA-482F-852D-8BAC0B0E867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D69EBAC2-274A-4562-8FCC-C3A28531384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4323658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1360661C-CCEE-430F-8AB3-1BAECDDB8BF3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C4388E8D-8D84-4FDB-BCFC-F28BBDDF61B6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B22EB40F-AD69-40D9-B02B-BFF89F88C1FD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757CACCD-3775-4D14-839E-DCC66849B495}"/>
              </a:ext>
            </a:extLst>
          </p:cNvPr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153779A9-1FDB-4959-9A5E-677176D3A86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79D34004-1696-402E-A7AC-1DA0A220E65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7655605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EF401284-0BC3-4932-953F-BD12EBFF92EB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6351E426-4C0D-4569-9EB9-AA395B9E925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28A206A0-5F72-4CDB-8045-FD9ADE6FB593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AF8A67B-AB14-440B-8C2B-A53C85BDE44D}" type="datetimeFigureOut">
              <a:rPr lang="en-US" smtClean="0"/>
              <a:t>4/28/2022</a:t>
            </a:fld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DA1F5A8A-9D79-4340-9D71-D047C4159D65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028BFDE-EEFE-444E-8E07-99AA6E64DBD3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FDF9EA08-57FF-42E7-8CE6-7B32E468BF9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1286152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1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46" name="Straight Connector 45">
            <a:extLst>
              <a:ext uri="{FF2B5EF4-FFF2-40B4-BE49-F238E27FC236}">
                <a16:creationId xmlns:a16="http://schemas.microsoft.com/office/drawing/2014/main" id="{EEF813D5-346C-4A9E-B20E-5714E3BACA49}"/>
              </a:ext>
            </a:extLst>
          </p:cNvPr>
          <p:cNvCxnSpPr>
            <a:cxnSpLocks/>
          </p:cNvCxnSpPr>
          <p:nvPr/>
        </p:nvCxnSpPr>
        <p:spPr>
          <a:xfrm>
            <a:off x="151309" y="6215961"/>
            <a:ext cx="11678741" cy="0"/>
          </a:xfrm>
          <a:prstGeom prst="line">
            <a:avLst/>
          </a:prstGeom>
          <a:ln w="57150"/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A90133E4-2FB4-4A71-9E3B-2BABC1DAE0FE}"/>
              </a:ext>
            </a:extLst>
          </p:cNvPr>
          <p:cNvSpPr>
            <a:spLocks noGrp="1"/>
          </p:cNvSpPr>
          <p:nvPr>
            <p:ph type="pic" sz="quarter" idx="34"/>
          </p:nvPr>
        </p:nvSpPr>
        <p:spPr>
          <a:xfrm>
            <a:off x="5795324" y="-2019201"/>
            <a:ext cx="3973245" cy="2234951"/>
          </a:xfrm>
        </p:spPr>
      </p:sp>
      <p:sp>
        <p:nvSpPr>
          <p:cNvPr id="5" name="Picture Placeholder 4">
            <a:extLst>
              <a:ext uri="{FF2B5EF4-FFF2-40B4-BE49-F238E27FC236}">
                <a16:creationId xmlns:a16="http://schemas.microsoft.com/office/drawing/2014/main" id="{F68684A6-D6F8-4F4F-B914-B5C8C7521117}"/>
              </a:ext>
            </a:extLst>
          </p:cNvPr>
          <p:cNvSpPr>
            <a:spLocks noGrp="1"/>
          </p:cNvSpPr>
          <p:nvPr>
            <p:ph type="pic" sz="quarter" idx="35"/>
          </p:nvPr>
        </p:nvSpPr>
        <p:spPr>
          <a:xfrm>
            <a:off x="8398700" y="-593542"/>
            <a:ext cx="3973245" cy="2234951"/>
          </a:xfrm>
        </p:spPr>
      </p:sp>
      <p:sp>
        <p:nvSpPr>
          <p:cNvPr id="7" name="Picture Placeholder 6">
            <a:extLst>
              <a:ext uri="{FF2B5EF4-FFF2-40B4-BE49-F238E27FC236}">
                <a16:creationId xmlns:a16="http://schemas.microsoft.com/office/drawing/2014/main" id="{C01D6F62-F43A-4FE3-8616-85E638D4BD7F}"/>
              </a:ext>
            </a:extLst>
          </p:cNvPr>
          <p:cNvSpPr>
            <a:spLocks noGrp="1"/>
          </p:cNvSpPr>
          <p:nvPr>
            <p:ph type="pic" sz="quarter" idx="36"/>
          </p:nvPr>
        </p:nvSpPr>
        <p:spPr>
          <a:xfrm>
            <a:off x="11002077" y="832117"/>
            <a:ext cx="3973245" cy="2234951"/>
          </a:xfrm>
        </p:spPr>
      </p:sp>
      <p:sp>
        <p:nvSpPr>
          <p:cNvPr id="9" name="Picture Placeholder 8">
            <a:extLst>
              <a:ext uri="{FF2B5EF4-FFF2-40B4-BE49-F238E27FC236}">
                <a16:creationId xmlns:a16="http://schemas.microsoft.com/office/drawing/2014/main" id="{607B9442-63DE-410B-8ADC-13E91388337D}"/>
              </a:ext>
            </a:extLst>
          </p:cNvPr>
          <p:cNvSpPr>
            <a:spLocks noGrp="1"/>
          </p:cNvSpPr>
          <p:nvPr>
            <p:ph type="pic" sz="quarter" idx="30"/>
          </p:nvPr>
        </p:nvSpPr>
        <p:spPr>
          <a:xfrm>
            <a:off x="3092594" y="-1470060"/>
            <a:ext cx="3973245" cy="2234951"/>
          </a:xfrm>
        </p:spPr>
      </p:sp>
      <p:sp>
        <p:nvSpPr>
          <p:cNvPr id="11" name="Picture Placeholder 10">
            <a:extLst>
              <a:ext uri="{FF2B5EF4-FFF2-40B4-BE49-F238E27FC236}">
                <a16:creationId xmlns:a16="http://schemas.microsoft.com/office/drawing/2014/main" id="{D5A1D8F8-348F-427C-9698-A4DF1F72EC24}"/>
              </a:ext>
            </a:extLst>
          </p:cNvPr>
          <p:cNvSpPr>
            <a:spLocks noGrp="1"/>
          </p:cNvSpPr>
          <p:nvPr>
            <p:ph type="pic" sz="quarter" idx="31"/>
          </p:nvPr>
        </p:nvSpPr>
        <p:spPr>
          <a:xfrm>
            <a:off x="5695970" y="-44401"/>
            <a:ext cx="3973245" cy="2234951"/>
          </a:xfrm>
        </p:spPr>
      </p:sp>
      <p:sp>
        <p:nvSpPr>
          <p:cNvPr id="13" name="Picture Placeholder 12">
            <a:extLst>
              <a:ext uri="{FF2B5EF4-FFF2-40B4-BE49-F238E27FC236}">
                <a16:creationId xmlns:a16="http://schemas.microsoft.com/office/drawing/2014/main" id="{E954808C-E57A-4BC4-A2EF-F033464020CB}"/>
              </a:ext>
            </a:extLst>
          </p:cNvPr>
          <p:cNvSpPr>
            <a:spLocks noGrp="1"/>
          </p:cNvSpPr>
          <p:nvPr>
            <p:ph type="pic" sz="quarter" idx="32"/>
          </p:nvPr>
        </p:nvSpPr>
        <p:spPr>
          <a:xfrm>
            <a:off x="8307095" y="1365762"/>
            <a:ext cx="3973245" cy="2234951"/>
          </a:xfrm>
        </p:spPr>
      </p:sp>
      <p:sp>
        <p:nvSpPr>
          <p:cNvPr id="15" name="Picture Placeholder 14">
            <a:extLst>
              <a:ext uri="{FF2B5EF4-FFF2-40B4-BE49-F238E27FC236}">
                <a16:creationId xmlns:a16="http://schemas.microsoft.com/office/drawing/2014/main" id="{067AD0F0-0817-40EB-9C9F-50F7592EB1C3}"/>
              </a:ext>
            </a:extLst>
          </p:cNvPr>
          <p:cNvSpPr>
            <a:spLocks noGrp="1"/>
          </p:cNvSpPr>
          <p:nvPr>
            <p:ph type="pic" sz="quarter" idx="33"/>
          </p:nvPr>
        </p:nvSpPr>
        <p:spPr>
          <a:xfrm>
            <a:off x="10911794" y="2784550"/>
            <a:ext cx="3973245" cy="2234951"/>
          </a:xfrm>
        </p:spPr>
      </p:sp>
      <p:sp>
        <p:nvSpPr>
          <p:cNvPr id="17" name="Picture Placeholder 16">
            <a:extLst>
              <a:ext uri="{FF2B5EF4-FFF2-40B4-BE49-F238E27FC236}">
                <a16:creationId xmlns:a16="http://schemas.microsoft.com/office/drawing/2014/main" id="{3F8A8F42-1622-40EE-A2DD-10A792E54C2C}"/>
              </a:ext>
            </a:extLst>
          </p:cNvPr>
          <p:cNvSpPr>
            <a:spLocks noGrp="1"/>
          </p:cNvSpPr>
          <p:nvPr>
            <p:ph type="pic" sz="quarter" idx="24"/>
          </p:nvPr>
        </p:nvSpPr>
        <p:spPr>
          <a:xfrm>
            <a:off x="151309" y="-1057666"/>
            <a:ext cx="3973245" cy="2234951"/>
          </a:xfrm>
        </p:spPr>
      </p:sp>
      <p:sp>
        <p:nvSpPr>
          <p:cNvPr id="19" name="Picture Placeholder 18">
            <a:extLst>
              <a:ext uri="{FF2B5EF4-FFF2-40B4-BE49-F238E27FC236}">
                <a16:creationId xmlns:a16="http://schemas.microsoft.com/office/drawing/2014/main" id="{80463EF9-59ED-4F0C-9D4A-D1BED0484576}"/>
              </a:ext>
            </a:extLst>
          </p:cNvPr>
          <p:cNvSpPr>
            <a:spLocks noGrp="1"/>
          </p:cNvSpPr>
          <p:nvPr>
            <p:ph type="pic" sz="quarter" idx="25"/>
          </p:nvPr>
        </p:nvSpPr>
        <p:spPr>
          <a:xfrm>
            <a:off x="2754685" y="367993"/>
            <a:ext cx="3973245" cy="2234951"/>
          </a:xfrm>
        </p:spPr>
      </p:sp>
      <p:sp>
        <p:nvSpPr>
          <p:cNvPr id="21" name="Picture Placeholder 20">
            <a:extLst>
              <a:ext uri="{FF2B5EF4-FFF2-40B4-BE49-F238E27FC236}">
                <a16:creationId xmlns:a16="http://schemas.microsoft.com/office/drawing/2014/main" id="{924FCFAC-2648-45D9-8979-0B53305B4C21}"/>
              </a:ext>
            </a:extLst>
          </p:cNvPr>
          <p:cNvSpPr>
            <a:spLocks noGrp="1"/>
          </p:cNvSpPr>
          <p:nvPr>
            <p:ph type="pic" sz="quarter" idx="26"/>
          </p:nvPr>
        </p:nvSpPr>
        <p:spPr>
          <a:xfrm>
            <a:off x="5358062" y="1793651"/>
            <a:ext cx="3973245" cy="2234951"/>
          </a:xfrm>
        </p:spPr>
      </p:sp>
      <p:sp>
        <p:nvSpPr>
          <p:cNvPr id="23" name="Picture Placeholder 22">
            <a:extLst>
              <a:ext uri="{FF2B5EF4-FFF2-40B4-BE49-F238E27FC236}">
                <a16:creationId xmlns:a16="http://schemas.microsoft.com/office/drawing/2014/main" id="{0634CAFB-2BEA-44FE-BFE9-A266289372ED}"/>
              </a:ext>
            </a:extLst>
          </p:cNvPr>
          <p:cNvSpPr>
            <a:spLocks noGrp="1"/>
          </p:cNvSpPr>
          <p:nvPr>
            <p:ph type="pic" sz="quarter" idx="27"/>
          </p:nvPr>
        </p:nvSpPr>
        <p:spPr>
          <a:xfrm>
            <a:off x="7961439" y="3196944"/>
            <a:ext cx="3973245" cy="2234951"/>
          </a:xfrm>
        </p:spPr>
      </p:sp>
      <p:sp>
        <p:nvSpPr>
          <p:cNvPr id="25" name="Picture Placeholder 24">
            <a:extLst>
              <a:ext uri="{FF2B5EF4-FFF2-40B4-BE49-F238E27FC236}">
                <a16:creationId xmlns:a16="http://schemas.microsoft.com/office/drawing/2014/main" id="{E9DF5928-F00A-406F-9F9F-FF64624C6848}"/>
              </a:ext>
            </a:extLst>
          </p:cNvPr>
          <p:cNvSpPr>
            <a:spLocks noGrp="1"/>
          </p:cNvSpPr>
          <p:nvPr>
            <p:ph type="pic" sz="quarter" idx="28"/>
          </p:nvPr>
        </p:nvSpPr>
        <p:spPr>
          <a:xfrm>
            <a:off x="10573886" y="4622603"/>
            <a:ext cx="3973245" cy="2234951"/>
          </a:xfrm>
        </p:spPr>
      </p:sp>
    </p:spTree>
    <p:extLst>
      <p:ext uri="{BB962C8B-B14F-4D97-AF65-F5344CB8AC3E}">
        <p14:creationId xmlns:p14="http://schemas.microsoft.com/office/powerpoint/2010/main" val="35115696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decel="10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1000" fill="hold"/>
                                        <p:tgtEl>
                                          <p:spTgt spid="4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1000" fill="hold"/>
                                        <p:tgtEl>
                                          <p:spTgt spid="4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5074B765-DB45-4DCA-ACF7-7EB202A42FD2}"/>
  <p:tag name="ISPRING_RESOURCE_FOLDER" val="E:\NETWORK PdP\39. KSK1033 2022\3. KERTAS TUGASAN\KERTAS TUGASAN K1-iSpring\"/>
  <p:tag name="ISPRING_PRESENTATION_PATH" val="E:\NETWORK PdP\39. KSK1033 2022\3. KERTAS TUGASAN\KERTAS TUGASAN K1-iSpring.pptx"/>
  <p:tag name="ISPRING_PROJECT_VERSION" val="9.3"/>
  <p:tag name="ISPRING_PROJECT_FOLDER_UPDATED" val="1"/>
  <p:tag name="ISPRING_SCREEN_RECS_UPDATED" val="E:\NETWORK PdP\39. KSK1033 2022\3. KERTAS TUGASAN\KERTAS TUGASAN K1-iSpring\"/>
  <p:tag name="ISPRING_PLAYERS_CUSTOMIZATION_2" val="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13</TotalTime>
  <Words>0</Words>
  <Application>Microsoft Office PowerPoint</Application>
  <PresentationFormat>Widescreen</PresentationFormat>
  <Paragraphs>0</Paragraphs>
  <Slides>1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</vt:i4>
      </vt:variant>
    </vt:vector>
  </HeadingPairs>
  <TitlesOfParts>
    <vt:vector size="5" baseType="lpstr">
      <vt:lpstr>Arial</vt:lpstr>
      <vt:lpstr>Calibri</vt:lpstr>
      <vt:lpstr>Calibri Light</vt:lpstr>
      <vt:lpstr>Office Theme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rohani karim</dc:creator>
  <cp:lastModifiedBy>rohani karim</cp:lastModifiedBy>
  <cp:revision>4</cp:revision>
  <dcterms:created xsi:type="dcterms:W3CDTF">2022-04-28T03:03:57Z</dcterms:created>
  <dcterms:modified xsi:type="dcterms:W3CDTF">2022-04-28T03:17:21Z</dcterms:modified>
</cp:coreProperties>
</file>